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3271" autoAdjust="0"/>
    <p:restoredTop sz="86047" autoAdjust="0"/>
  </p:normalViewPr>
  <p:slideViewPr>
    <p:cSldViewPr snapToGrid="0">
      <p:cViewPr>
        <p:scale>
          <a:sx n="100" d="100"/>
          <a:sy n="100" d="100"/>
        </p:scale>
        <p:origin x="1008" y="-24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est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4DB4DF4E-3CDE-14B2-326B-625923B7CF1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1804" y="5090084"/>
            <a:ext cx="2168960" cy="157900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8F2670BF-59C1-CE83-144F-3E40CB5D3BF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8229" y="4105275"/>
            <a:ext cx="1628776" cy="118574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1-21T09:16:54Z</dcterms:modified>
</cp:coreProperties>
</file>